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67" d="100"/>
          <a:sy n="67" d="100"/>
        </p:scale>
        <p:origin x="444" y="8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b="0" u="none" dirty="0" smtClean="0"/>
            <a:t>אסטרטגיה מכוננת</a:t>
          </a:r>
        </a:p>
        <a:p>
          <a:r>
            <a:rPr lang="he-IL" sz="1400" b="0" u="none" dirty="0" smtClean="0"/>
            <a:t>הצגת ביניים –</a:t>
          </a:r>
        </a:p>
        <a:p>
          <a:r>
            <a:rPr lang="he-IL" sz="1400" b="0" u="none" dirty="0" smtClean="0"/>
            <a:t>תפיסה גלובלית, מערכת של מערכות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</a:t>
          </a:r>
          <a:endParaRPr lang="he-IL" sz="1600" b="1" u="sng" dirty="0" smtClean="0"/>
        </a:p>
        <a:p>
          <a:r>
            <a:rPr lang="he-IL" sz="1600" b="1" u="sng" dirty="0" smtClean="0"/>
            <a:t>מערכה</a:t>
          </a:r>
          <a:endParaRPr lang="he-IL" sz="1600" b="1" u="sng" dirty="0" smtClean="0"/>
        </a:p>
        <a:p>
          <a:r>
            <a:rPr lang="he-IL" sz="1400" b="0" u="none" dirty="0" smtClean="0"/>
            <a:t>מערכה אופרטיבית מאפשרת (לאור תרחיש)</a:t>
          </a:r>
          <a:endParaRPr lang="he-IL" sz="1400" b="0" u="none" dirty="0" smtClean="0"/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</a:t>
          </a:r>
          <a:r>
            <a:rPr lang="he-IL" sz="1600" b="1" u="sng" dirty="0" smtClean="0"/>
            <a:t>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  <a:endParaRPr lang="he-IL" sz="1400" b="0" u="none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F5C0F9D2-0AC0-490B-92DE-F105B6F79AF1}">
      <dgm:prSet phldrT="[טקסט]" custT="1"/>
      <dgm:spPr/>
      <dgm:t>
        <a:bodyPr anchor="t"/>
        <a:lstStyle/>
        <a:p>
          <a:r>
            <a:rPr lang="he-IL" sz="1600" b="1" u="sng" dirty="0" smtClean="0"/>
            <a:t>סיכום קורס אסטרטגיה</a:t>
          </a:r>
          <a:endParaRPr lang="en-US" sz="1600" b="1" u="sng" dirty="0"/>
        </a:p>
      </dgm:t>
    </dgm:pt>
    <dgm:pt modelId="{B2178330-2AB7-46E3-BC08-0DDA3CC399EA}" type="parTrans" cxnId="{066E7D3B-AA3B-4E5F-A5A4-5B1DCFD21B4C}">
      <dgm:prSet/>
      <dgm:spPr/>
      <dgm:t>
        <a:bodyPr/>
        <a:lstStyle/>
        <a:p>
          <a:endParaRPr lang="en-US"/>
        </a:p>
      </dgm:t>
    </dgm:pt>
    <dgm:pt modelId="{46370F81-7B20-47ED-B4B4-4C326B824EB7}" type="sibTrans" cxnId="{066E7D3B-AA3B-4E5F-A5A4-5B1DCFD21B4C}">
      <dgm:prSet/>
      <dgm:spPr/>
      <dgm:t>
        <a:bodyPr/>
        <a:lstStyle/>
        <a:p>
          <a:endParaRPr lang="en-US"/>
        </a:p>
      </dgm:t>
    </dgm:pt>
    <dgm:pt modelId="{A06C102A-2B4B-4374-8A0F-24D0835C983C}">
      <dgm:prSet phldrT="[טקסט]" custT="1"/>
      <dgm:spPr/>
      <dgm:t>
        <a:bodyPr/>
        <a:lstStyle/>
        <a:p>
          <a:r>
            <a:rPr lang="he-IL" sz="2000" dirty="0" smtClean="0"/>
            <a:t>קורס מודיעין</a:t>
          </a:r>
          <a:endParaRPr lang="en-US" sz="2000" dirty="0"/>
        </a:p>
      </dgm:t>
    </dgm:pt>
    <dgm:pt modelId="{1B8D2447-9723-4405-A8C8-4A6717598B68}" type="parTrans" cxnId="{1E45A2AD-DF96-4FAE-B199-B73051084DB3}">
      <dgm:prSet/>
      <dgm:spPr/>
      <dgm:t>
        <a:bodyPr/>
        <a:lstStyle/>
        <a:p>
          <a:endParaRPr lang="en-US"/>
        </a:p>
      </dgm:t>
    </dgm:pt>
    <dgm:pt modelId="{FDF8ED05-3906-4B2C-9281-F026ABC2975F}" type="sibTrans" cxnId="{1E45A2AD-DF96-4FAE-B199-B73051084DB3}">
      <dgm:prSet/>
      <dgm:spPr/>
      <dgm:t>
        <a:bodyPr/>
        <a:lstStyle/>
        <a:p>
          <a:endParaRPr lang="en-US"/>
        </a:p>
      </dgm:t>
    </dgm:pt>
    <dgm:pt modelId="{80F73C2E-4031-4609-8FD8-2DC9C212FFF1}">
      <dgm:prSet phldrT="[טקסט]" custT="1"/>
      <dgm:spPr/>
      <dgm:t>
        <a:bodyPr/>
        <a:lstStyle/>
        <a:p>
          <a:pPr algn="r"/>
          <a:r>
            <a:rPr lang="he-IL" sz="1600" dirty="0" smtClean="0"/>
            <a:t>ביקור במשרד החוץ</a:t>
          </a:r>
          <a:endParaRPr lang="en-US" sz="1600" dirty="0"/>
        </a:p>
      </dgm:t>
    </dgm:pt>
    <dgm:pt modelId="{CD02EE78-6CDF-4D66-A2D1-B992806F7624}" type="par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CE1E0E35-5504-45B5-B135-368E70D884A3}" type="sib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94EF51AF-5805-4AAE-A8F2-8A5B397A3462}">
      <dgm:prSet phldrT="[טקסט]" custT="1"/>
      <dgm:spPr/>
      <dgm:t>
        <a:bodyPr/>
        <a:lstStyle/>
        <a:p>
          <a:r>
            <a:rPr lang="he-IL" sz="2000" dirty="0" smtClean="0"/>
            <a:t>קורס </a:t>
          </a:r>
          <a:r>
            <a:rPr lang="he-IL" sz="2000" dirty="0" err="1" smtClean="0"/>
            <a:t>מז"ת</a:t>
          </a:r>
          <a:endParaRPr lang="en-US" sz="2000" dirty="0"/>
        </a:p>
      </dgm:t>
    </dgm:pt>
    <dgm:pt modelId="{708AD5A7-7069-4CA5-A9CE-4EC9CEA7605E}" type="par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6425D029-F1B7-4317-9C30-3ECB6CAFB79C}" type="sib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BA6BF9E1-CB51-4B77-8416-833D8D9AC851}">
      <dgm:prSet phldrT="[טקסט]"/>
      <dgm:spPr/>
      <dgm:t>
        <a:bodyPr/>
        <a:lstStyle/>
        <a:p>
          <a:r>
            <a:rPr lang="he-IL" dirty="0" smtClean="0"/>
            <a:t>סיורי </a:t>
          </a:r>
          <a:r>
            <a:rPr lang="he-IL" dirty="0" err="1" smtClean="0"/>
            <a:t>בטל"ם</a:t>
          </a:r>
          <a:endParaRPr lang="en-US" dirty="0"/>
        </a:p>
      </dgm:t>
    </dgm:pt>
    <dgm:pt modelId="{9940F908-E151-434C-AEA7-A5BFE3605730}" type="parTrans" cxnId="{7DA9A033-9DBC-4E38-BD4B-FCF283D7C945}">
      <dgm:prSet/>
      <dgm:spPr/>
      <dgm:t>
        <a:bodyPr/>
        <a:lstStyle/>
        <a:p>
          <a:pPr rtl="1"/>
          <a:endParaRPr lang="he-IL"/>
        </a:p>
      </dgm:t>
    </dgm:pt>
    <dgm:pt modelId="{455FEF14-6061-4D0C-9173-257BBD733162}" type="sibTrans" cxnId="{7DA9A033-9DBC-4E38-BD4B-FCF283D7C945}">
      <dgm:prSet/>
      <dgm:spPr/>
      <dgm:t>
        <a:bodyPr/>
        <a:lstStyle/>
        <a:p>
          <a:pPr rtl="1"/>
          <a:endParaRPr lang="he-IL"/>
        </a:p>
      </dgm:t>
    </dgm:pt>
    <dgm:pt modelId="{19EBBD1C-3AB8-4FD3-ABDE-5332843420BD}">
      <dgm:prSet phldrT="[טקסט]"/>
      <dgm:spPr/>
      <dgm:t>
        <a:bodyPr/>
        <a:lstStyle/>
        <a:p>
          <a:r>
            <a:rPr lang="he-IL" dirty="0" smtClean="0"/>
            <a:t>סדנת משא ומתן 1-3/3</a:t>
          </a:r>
          <a:endParaRPr lang="en-US" dirty="0"/>
        </a:p>
      </dgm:t>
    </dgm:pt>
    <dgm:pt modelId="{5C27439D-D9D5-41B0-AB9F-B9F66501662E}" type="par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7256D187-E928-4531-B591-C3884CE0D2A9}" type="sib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7" custScaleX="320008" custScaleY="265684" custLinFactY="36874" custLinFactNeighborX="80455" custLinFactNeighborY="10000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254841" custScaleY="321055" custLinFactX="-9759" custLinFactY="57415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28581" custScaleY="314047" custLinFactX="-29059" custLinFactY="51526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34AD49-F716-4FE8-8917-2D3E429752BA}" type="pres">
      <dgm:prSet presAssocID="{34FA45F9-0405-4AF6-9221-ED2D1E26F090}" presName="vSp" presStyleCnt="0"/>
      <dgm:spPr/>
    </dgm:pt>
    <dgm:pt modelId="{217ACBD3-7C83-44E4-A245-586657ACE62A}" type="pres">
      <dgm:prSet presAssocID="{F5C0F9D2-0AC0-490B-92DE-F105B6F79AF1}" presName="horFlow" presStyleCnt="0"/>
      <dgm:spPr/>
    </dgm:pt>
    <dgm:pt modelId="{C1389168-FD5C-4A39-90AA-D7CD3BE722B3}" type="pres">
      <dgm:prSet presAssocID="{F5C0F9D2-0AC0-490B-92DE-F105B6F79AF1}" presName="bigChev" presStyleLbl="node1" presStyleIdx="1" presStyleCnt="7" custScaleX="155131" custScaleY="116062" custLinFactX="335377" custLinFactY="100000" custLinFactNeighborX="400000" custLinFactNeighborY="195908"/>
      <dgm:spPr/>
      <dgm:t>
        <a:bodyPr/>
        <a:lstStyle/>
        <a:p>
          <a:pPr rtl="1"/>
          <a:endParaRPr lang="he-IL"/>
        </a:p>
      </dgm:t>
    </dgm:pt>
    <dgm:pt modelId="{93CEB6B8-10DD-4779-8409-24019F0E72BD}" type="pres">
      <dgm:prSet presAssocID="{F5C0F9D2-0AC0-490B-92DE-F105B6F79AF1}" presName="vSp" presStyleCnt="0"/>
      <dgm:spPr/>
    </dgm:pt>
    <dgm:pt modelId="{FE302490-2301-464F-8998-5BB3E53254C8}" type="pres">
      <dgm:prSet presAssocID="{A06C102A-2B4B-4374-8A0F-24D0835C983C}" presName="horFlow" presStyleCnt="0"/>
      <dgm:spPr/>
    </dgm:pt>
    <dgm:pt modelId="{6FE0960C-2B7C-434A-BA2A-A87C5C61618D}" type="pres">
      <dgm:prSet presAssocID="{A06C102A-2B4B-4374-8A0F-24D0835C983C}" presName="bigChev" presStyleLbl="node1" presStyleIdx="2" presStyleCnt="7" custScaleX="147640" custScaleY="65346" custLinFactY="80919" custLinFactNeighborX="-20346" custLinFactNeighborY="100000"/>
      <dgm:spPr/>
      <dgm:t>
        <a:bodyPr/>
        <a:lstStyle/>
        <a:p>
          <a:endParaRPr lang="en-US"/>
        </a:p>
      </dgm:t>
    </dgm:pt>
    <dgm:pt modelId="{8CFC3A3A-80BE-4247-9808-B89F53DEBD80}" type="pres">
      <dgm:prSet presAssocID="{A06C102A-2B4B-4374-8A0F-24D0835C983C}" presName="vSp" presStyleCnt="0"/>
      <dgm:spPr/>
    </dgm:pt>
    <dgm:pt modelId="{5FCCEE49-05BE-41DD-89AD-F3A24FC357C9}" type="pres">
      <dgm:prSet presAssocID="{80F73C2E-4031-4609-8FD8-2DC9C212FFF1}" presName="horFlow" presStyleCnt="0"/>
      <dgm:spPr/>
    </dgm:pt>
    <dgm:pt modelId="{74EE3F14-7A42-476E-8333-67D0E2B1A853}" type="pres">
      <dgm:prSet presAssocID="{80F73C2E-4031-4609-8FD8-2DC9C212FFF1}" presName="bigChev" presStyleLbl="node1" presStyleIdx="3" presStyleCnt="7" custScaleX="151664" custScaleY="47133" custLinFactX="100000" custLinFactY="10679" custLinFactNeighborX="118453" custLinFactNeighborY="100000"/>
      <dgm:spPr/>
      <dgm:t>
        <a:bodyPr/>
        <a:lstStyle/>
        <a:p>
          <a:pPr rtl="1"/>
          <a:endParaRPr lang="he-IL"/>
        </a:p>
      </dgm:t>
    </dgm:pt>
    <dgm:pt modelId="{10A27789-1BB6-4602-A377-5276C902E938}" type="pres">
      <dgm:prSet presAssocID="{80F73C2E-4031-4609-8FD8-2DC9C212FFF1}" presName="vSp" presStyleCnt="0"/>
      <dgm:spPr/>
    </dgm:pt>
    <dgm:pt modelId="{2DBE7CFE-BFFA-4C78-822E-0463E3E488A0}" type="pres">
      <dgm:prSet presAssocID="{94EF51AF-5805-4AAE-A8F2-8A5B397A3462}" presName="horFlow" presStyleCnt="0"/>
      <dgm:spPr/>
    </dgm:pt>
    <dgm:pt modelId="{F992B3D6-5BAE-434D-BA11-1F211770AD7A}" type="pres">
      <dgm:prSet presAssocID="{94EF51AF-5805-4AAE-A8F2-8A5B397A3462}" presName="bigChev" presStyleLbl="node1" presStyleIdx="4" presStyleCnt="7" custScaleY="85701" custLinFactX="18240" custLinFactNeighborX="100000" custLinFactNeighborY="30262"/>
      <dgm:spPr/>
      <dgm:t>
        <a:bodyPr/>
        <a:lstStyle/>
        <a:p>
          <a:pPr rtl="1"/>
          <a:endParaRPr lang="he-IL"/>
        </a:p>
      </dgm:t>
    </dgm:pt>
    <dgm:pt modelId="{657BCC6C-E60B-4A5B-B378-20CDC79865A4}" type="pres">
      <dgm:prSet presAssocID="{94EF51AF-5805-4AAE-A8F2-8A5B397A3462}" presName="vSp" presStyleCnt="0"/>
      <dgm:spPr/>
    </dgm:pt>
    <dgm:pt modelId="{B795C10C-131D-4F33-85C7-A6AE4EF3173C}" type="pres">
      <dgm:prSet presAssocID="{BA6BF9E1-CB51-4B77-8416-833D8D9AC851}" presName="horFlow" presStyleCnt="0"/>
      <dgm:spPr/>
    </dgm:pt>
    <dgm:pt modelId="{AA19E3A7-6A53-424A-A6E0-36FA05FBAF2A}" type="pres">
      <dgm:prSet presAssocID="{BA6BF9E1-CB51-4B77-8416-833D8D9AC851}" presName="bigChev" presStyleLbl="node1" presStyleIdx="5" presStyleCnt="7" custScaleY="40743" custLinFactX="214433" custLinFactNeighborX="300000" custLinFactNeighborY="-46960"/>
      <dgm:spPr/>
      <dgm:t>
        <a:bodyPr/>
        <a:lstStyle/>
        <a:p>
          <a:pPr rtl="1"/>
          <a:endParaRPr lang="he-IL"/>
        </a:p>
      </dgm:t>
    </dgm:pt>
    <dgm:pt modelId="{8E7AC99C-6972-410D-B63F-4B1660D957F7}" type="pres">
      <dgm:prSet presAssocID="{BA6BF9E1-CB51-4B77-8416-833D8D9AC851}" presName="vSp" presStyleCnt="0"/>
      <dgm:spPr/>
    </dgm:pt>
    <dgm:pt modelId="{EA503D34-B3A8-4F86-A967-D1A5DFC7110D}" type="pres">
      <dgm:prSet presAssocID="{19EBBD1C-3AB8-4FD3-ABDE-5332843420BD}" presName="horFlow" presStyleCnt="0"/>
      <dgm:spPr/>
    </dgm:pt>
    <dgm:pt modelId="{3CBA0A70-F9D4-415D-9C3D-E1E0A1C830A2}" type="pres">
      <dgm:prSet presAssocID="{19EBBD1C-3AB8-4FD3-ABDE-5332843420BD}" presName="bigChev" presStyleLbl="node1" presStyleIdx="6" presStyleCnt="7" custScaleX="151664" custScaleY="47133" custLinFactX="162489" custLinFactY="-4898" custLinFactNeighborX="200000" custLinFactNeighborY="-100000"/>
      <dgm:spPr/>
      <dgm:t>
        <a:bodyPr/>
        <a:lstStyle/>
        <a:p>
          <a:pPr rtl="1"/>
          <a:endParaRPr lang="he-IL"/>
        </a:p>
      </dgm:t>
    </dgm:pt>
  </dgm:ptLst>
  <dgm:cxnLst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066E7D3B-AA3B-4E5F-A5A4-5B1DCFD21B4C}" srcId="{436FCC67-15C4-450E-AFD0-98AF650AE9CB}" destId="{F5C0F9D2-0AC0-490B-92DE-F105B6F79AF1}" srcOrd="1" destOrd="0" parTransId="{B2178330-2AB7-46E3-BC08-0DDA3CC399EA}" sibTransId="{46370F81-7B20-47ED-B4B4-4C326B824EB7}"/>
    <dgm:cxn modelId="{5C8FF5FC-E8D4-4D6F-91CA-FF7081EC3F8E}" type="presOf" srcId="{A06C102A-2B4B-4374-8A0F-24D0835C983C}" destId="{6FE0960C-2B7C-434A-BA2A-A87C5C61618D}" srcOrd="0" destOrd="0" presId="urn:microsoft.com/office/officeart/2005/8/layout/lProcess3"/>
    <dgm:cxn modelId="{5935FBE3-CCCC-46CC-A2BE-2E079A27D69B}" type="presOf" srcId="{94EF51AF-5805-4AAE-A8F2-8A5B397A3462}" destId="{F992B3D6-5BAE-434D-BA11-1F211770AD7A}" srcOrd="0" destOrd="0" presId="urn:microsoft.com/office/officeart/2005/8/layout/lProcess3"/>
    <dgm:cxn modelId="{287E0CCD-D648-4917-AA87-4404D51F3B98}" srcId="{436FCC67-15C4-450E-AFD0-98AF650AE9CB}" destId="{80F73C2E-4031-4609-8FD8-2DC9C212FFF1}" srcOrd="3" destOrd="0" parTransId="{CD02EE78-6CDF-4D66-A2D1-B992806F7624}" sibTransId="{CE1E0E35-5504-45B5-B135-368E70D884A3}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BBB17FDC-5580-4621-84A0-D93F32BBDA46}" type="presOf" srcId="{19EBBD1C-3AB8-4FD3-ABDE-5332843420BD}" destId="{3CBA0A70-F9D4-415D-9C3D-E1E0A1C830A2}" srcOrd="0" destOrd="0" presId="urn:microsoft.com/office/officeart/2005/8/layout/lProcess3"/>
    <dgm:cxn modelId="{E0659A8B-F8AF-4BFB-BD36-D1C4BEE07EEE}" srcId="{436FCC67-15C4-450E-AFD0-98AF650AE9CB}" destId="{19EBBD1C-3AB8-4FD3-ABDE-5332843420BD}" srcOrd="6" destOrd="0" parTransId="{5C27439D-D9D5-41B0-AB9F-B9F66501662E}" sibTransId="{7256D187-E928-4531-B591-C3884CE0D2A9}"/>
    <dgm:cxn modelId="{BB82F9FF-2F85-43D0-811F-D1C34549B781}" type="presOf" srcId="{BA6BF9E1-CB51-4B77-8416-833D8D9AC851}" destId="{AA19E3A7-6A53-424A-A6E0-36FA05FBAF2A}" srcOrd="0" destOrd="0" presId="urn:microsoft.com/office/officeart/2005/8/layout/lProcess3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A4D548E0-4F90-459B-9FF2-BA13E0E2696C}" srcId="{436FCC67-15C4-450E-AFD0-98AF650AE9CB}" destId="{94EF51AF-5805-4AAE-A8F2-8A5B397A3462}" srcOrd="4" destOrd="0" parTransId="{708AD5A7-7069-4CA5-A9CE-4EC9CEA7605E}" sibTransId="{6425D029-F1B7-4317-9C30-3ECB6CAFB79C}"/>
    <dgm:cxn modelId="{186C5E2D-639B-4A6F-973D-DD1D53D44E4C}" type="presOf" srcId="{F5C0F9D2-0AC0-490B-92DE-F105B6F79AF1}" destId="{C1389168-FD5C-4A39-90AA-D7CD3BE722B3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7DA9A033-9DBC-4E38-BD4B-FCF283D7C945}" srcId="{436FCC67-15C4-450E-AFD0-98AF650AE9CB}" destId="{BA6BF9E1-CB51-4B77-8416-833D8D9AC851}" srcOrd="5" destOrd="0" parTransId="{9940F908-E151-434C-AEA7-A5BFE3605730}" sibTransId="{455FEF14-6061-4D0C-9173-257BBD733162}"/>
    <dgm:cxn modelId="{1E45A2AD-DF96-4FAE-B199-B73051084DB3}" srcId="{436FCC67-15C4-450E-AFD0-98AF650AE9CB}" destId="{A06C102A-2B4B-4374-8A0F-24D0835C983C}" srcOrd="2" destOrd="0" parTransId="{1B8D2447-9723-4405-A8C8-4A6717598B68}" sibTransId="{FDF8ED05-3906-4B2C-9281-F026ABC2975F}"/>
    <dgm:cxn modelId="{ADE376FF-81AB-46F6-8819-4D2E2D4CAACB}" type="presOf" srcId="{80F73C2E-4031-4609-8FD8-2DC9C212FFF1}" destId="{74EE3F14-7A42-476E-8333-67D0E2B1A853}" srcOrd="0" destOrd="0" presId="urn:microsoft.com/office/officeart/2005/8/layout/lProcess3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  <dgm:cxn modelId="{8054886E-0E81-4832-9F7C-9BF45E393B97}" type="presParOf" srcId="{1072BCE2-7C47-43E3-92DE-474F2ACDAB20}" destId="{5034AD49-F716-4FE8-8917-2D3E429752BA}" srcOrd="1" destOrd="0" presId="urn:microsoft.com/office/officeart/2005/8/layout/lProcess3"/>
    <dgm:cxn modelId="{DAE7DA9B-4F1A-4CFD-BD43-C6CAEDF71C3D}" type="presParOf" srcId="{1072BCE2-7C47-43E3-92DE-474F2ACDAB20}" destId="{217ACBD3-7C83-44E4-A245-586657ACE62A}" srcOrd="2" destOrd="0" presId="urn:microsoft.com/office/officeart/2005/8/layout/lProcess3"/>
    <dgm:cxn modelId="{3451676D-FB82-40C0-972F-C99153FF91DD}" type="presParOf" srcId="{217ACBD3-7C83-44E4-A245-586657ACE62A}" destId="{C1389168-FD5C-4A39-90AA-D7CD3BE722B3}" srcOrd="0" destOrd="0" presId="urn:microsoft.com/office/officeart/2005/8/layout/lProcess3"/>
    <dgm:cxn modelId="{1633D173-A2BC-4257-99CA-5CCDAA0F591C}" type="presParOf" srcId="{1072BCE2-7C47-43E3-92DE-474F2ACDAB20}" destId="{93CEB6B8-10DD-4779-8409-24019F0E72BD}" srcOrd="3" destOrd="0" presId="urn:microsoft.com/office/officeart/2005/8/layout/lProcess3"/>
    <dgm:cxn modelId="{3C0C6D3F-289F-49BA-96B4-27F7F4080A3B}" type="presParOf" srcId="{1072BCE2-7C47-43E3-92DE-474F2ACDAB20}" destId="{FE302490-2301-464F-8998-5BB3E53254C8}" srcOrd="4" destOrd="0" presId="urn:microsoft.com/office/officeart/2005/8/layout/lProcess3"/>
    <dgm:cxn modelId="{460853AE-C86D-480A-87C6-F07CF2A26584}" type="presParOf" srcId="{FE302490-2301-464F-8998-5BB3E53254C8}" destId="{6FE0960C-2B7C-434A-BA2A-A87C5C61618D}" srcOrd="0" destOrd="0" presId="urn:microsoft.com/office/officeart/2005/8/layout/lProcess3"/>
    <dgm:cxn modelId="{4E7FA7A2-0B1A-4AA9-A341-D34A35075161}" type="presParOf" srcId="{1072BCE2-7C47-43E3-92DE-474F2ACDAB20}" destId="{8CFC3A3A-80BE-4247-9808-B89F53DEBD80}" srcOrd="5" destOrd="0" presId="urn:microsoft.com/office/officeart/2005/8/layout/lProcess3"/>
    <dgm:cxn modelId="{5B48D1F0-4265-483C-B7D8-4C8564103D1C}" type="presParOf" srcId="{1072BCE2-7C47-43E3-92DE-474F2ACDAB20}" destId="{5FCCEE49-05BE-41DD-89AD-F3A24FC357C9}" srcOrd="6" destOrd="0" presId="urn:microsoft.com/office/officeart/2005/8/layout/lProcess3"/>
    <dgm:cxn modelId="{5761F2F5-6D0F-4D26-A763-B001EC686EA3}" type="presParOf" srcId="{5FCCEE49-05BE-41DD-89AD-F3A24FC357C9}" destId="{74EE3F14-7A42-476E-8333-67D0E2B1A853}" srcOrd="0" destOrd="0" presId="urn:microsoft.com/office/officeart/2005/8/layout/lProcess3"/>
    <dgm:cxn modelId="{EC7BADFC-88EE-4210-9031-7204B8538819}" type="presParOf" srcId="{1072BCE2-7C47-43E3-92DE-474F2ACDAB20}" destId="{10A27789-1BB6-4602-A377-5276C902E938}" srcOrd="7" destOrd="0" presId="urn:microsoft.com/office/officeart/2005/8/layout/lProcess3"/>
    <dgm:cxn modelId="{06F8276D-0911-4570-8160-1C318E74A443}" type="presParOf" srcId="{1072BCE2-7C47-43E3-92DE-474F2ACDAB20}" destId="{2DBE7CFE-BFFA-4C78-822E-0463E3E488A0}" srcOrd="8" destOrd="0" presId="urn:microsoft.com/office/officeart/2005/8/layout/lProcess3"/>
    <dgm:cxn modelId="{C501E71F-CFE6-45A5-8ABB-F765A25166FA}" type="presParOf" srcId="{2DBE7CFE-BFFA-4C78-822E-0463E3E488A0}" destId="{F992B3D6-5BAE-434D-BA11-1F211770AD7A}" srcOrd="0" destOrd="0" presId="urn:microsoft.com/office/officeart/2005/8/layout/lProcess3"/>
    <dgm:cxn modelId="{AA58C7CD-5BF5-44F2-9305-DE4BA2A65309}" type="presParOf" srcId="{1072BCE2-7C47-43E3-92DE-474F2ACDAB20}" destId="{657BCC6C-E60B-4A5B-B378-20CDC79865A4}" srcOrd="9" destOrd="0" presId="urn:microsoft.com/office/officeart/2005/8/layout/lProcess3"/>
    <dgm:cxn modelId="{47576667-E90A-4C25-98FC-E4909E3494A5}" type="presParOf" srcId="{1072BCE2-7C47-43E3-92DE-474F2ACDAB20}" destId="{B795C10C-131D-4F33-85C7-A6AE4EF3173C}" srcOrd="10" destOrd="0" presId="urn:microsoft.com/office/officeart/2005/8/layout/lProcess3"/>
    <dgm:cxn modelId="{1ACD687B-9FB8-46ED-9D8D-16C12A768EE9}" type="presParOf" srcId="{B795C10C-131D-4F33-85C7-A6AE4EF3173C}" destId="{AA19E3A7-6A53-424A-A6E0-36FA05FBAF2A}" srcOrd="0" destOrd="0" presId="urn:microsoft.com/office/officeart/2005/8/layout/lProcess3"/>
    <dgm:cxn modelId="{CCDCE3C8-CA4B-48F5-A18F-2480E2B49D77}" type="presParOf" srcId="{1072BCE2-7C47-43E3-92DE-474F2ACDAB20}" destId="{8E7AC99C-6972-410D-B63F-4B1660D957F7}" srcOrd="11" destOrd="0" presId="urn:microsoft.com/office/officeart/2005/8/layout/lProcess3"/>
    <dgm:cxn modelId="{BC74A21A-8AFA-46F2-BB96-B4D7BDF511CF}" type="presParOf" srcId="{1072BCE2-7C47-43E3-92DE-474F2ACDAB20}" destId="{EA503D34-B3A8-4F86-A967-D1A5DFC7110D}" srcOrd="12" destOrd="0" presId="urn:microsoft.com/office/officeart/2005/8/layout/lProcess3"/>
    <dgm:cxn modelId="{C0DCEC89-7661-4C28-B602-F92541BCA1CE}" type="presParOf" srcId="{EA503D34-B3A8-4F86-A967-D1A5DFC7110D}" destId="{3CBA0A70-F9D4-415D-9C3D-E1E0A1C830A2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3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606875" y="668410"/>
          <a:ext cx="3895381" cy="129364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אסטרטגיה מכוננ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צגת ביניים –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תפיסה גלובלית, מערכת של מערכו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2253697" y="668410"/>
        <a:ext cx="2601738" cy="1293643"/>
      </dsp:txXfrm>
    </dsp:sp>
    <dsp:sp modelId="{FBCDF05E-3288-4AE5-9E25-03B36AF69926}">
      <dsp:nvSpPr>
        <dsp:cNvPr id="0" name=""/>
        <dsp:cNvSpPr/>
      </dsp:nvSpPr>
      <dsp:spPr>
        <a:xfrm>
          <a:off x="4976647" y="636199"/>
          <a:ext cx="2574758" cy="1297497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מערכה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ה אופרטיבית מאפשרת (לאור תרחיש)</a:t>
          </a:r>
          <a:endParaRPr lang="he-IL" sz="14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625396" y="636199"/>
        <a:ext cx="1277261" cy="1297497"/>
      </dsp:txXfrm>
    </dsp:sp>
    <dsp:sp modelId="{DDB74CAC-6E26-45A0-9656-F23CDD57BC79}">
      <dsp:nvSpPr>
        <dsp:cNvPr id="0" name=""/>
        <dsp:cNvSpPr/>
      </dsp:nvSpPr>
      <dsp:spPr>
        <a:xfrm>
          <a:off x="7214962" y="626560"/>
          <a:ext cx="3319782" cy="1269175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  <a:endParaRPr lang="he-IL" sz="1400" b="0" u="none" kern="1200" dirty="0" smtClean="0"/>
        </a:p>
      </dsp:txBody>
      <dsp:txXfrm>
        <a:off x="7849550" y="626560"/>
        <a:ext cx="2050607" cy="1269175"/>
      </dsp:txXfrm>
    </dsp:sp>
    <dsp:sp modelId="{C1389168-FD5C-4A39-90AA-D7CD3BE722B3}">
      <dsp:nvSpPr>
        <dsp:cNvPr id="0" name=""/>
        <dsp:cNvSpPr/>
      </dsp:nvSpPr>
      <dsp:spPr>
        <a:xfrm>
          <a:off x="10431127" y="2806501"/>
          <a:ext cx="1888372" cy="565118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סיכום קורס אסטרטגיה</a:t>
          </a:r>
          <a:endParaRPr lang="en-US" sz="1600" b="1" u="sng" kern="1200" dirty="0"/>
        </a:p>
      </dsp:txBody>
      <dsp:txXfrm>
        <a:off x="10713686" y="2806501"/>
        <a:ext cx="1323254" cy="565118"/>
      </dsp:txXfrm>
    </dsp:sp>
    <dsp:sp modelId="{6FE0960C-2B7C-434A-BA2A-A87C5C61618D}">
      <dsp:nvSpPr>
        <dsp:cNvPr id="0" name=""/>
        <dsp:cNvSpPr/>
      </dsp:nvSpPr>
      <dsp:spPr>
        <a:xfrm>
          <a:off x="1231891" y="2879893"/>
          <a:ext cx="1797186" cy="318176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קורס מודיעין</a:t>
          </a:r>
          <a:endParaRPr lang="en-US" sz="2000" kern="1200" dirty="0"/>
        </a:p>
      </dsp:txBody>
      <dsp:txXfrm>
        <a:off x="1390979" y="2879893"/>
        <a:ext cx="1479010" cy="318176"/>
      </dsp:txXfrm>
    </dsp:sp>
    <dsp:sp modelId="{74EE3F14-7A42-476E-8333-67D0E2B1A853}">
      <dsp:nvSpPr>
        <dsp:cNvPr id="0" name=""/>
        <dsp:cNvSpPr/>
      </dsp:nvSpPr>
      <dsp:spPr>
        <a:xfrm>
          <a:off x="4138734" y="2924231"/>
          <a:ext cx="1846169" cy="229495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ctr" anchorCtr="0">
          <a:noAutofit/>
        </a:bodyPr>
        <a:lstStyle/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kern="1200" dirty="0" smtClean="0"/>
            <a:t>ביקור במשרד החוץ</a:t>
          </a:r>
          <a:endParaRPr lang="en-US" sz="1600" kern="1200" dirty="0"/>
        </a:p>
      </dsp:txBody>
      <dsp:txXfrm>
        <a:off x="4253482" y="2924231"/>
        <a:ext cx="1616674" cy="229495"/>
      </dsp:txXfrm>
    </dsp:sp>
    <dsp:sp modelId="{F992B3D6-5BAE-434D-BA11-1F211770AD7A}">
      <dsp:nvSpPr>
        <dsp:cNvPr id="0" name=""/>
        <dsp:cNvSpPr/>
      </dsp:nvSpPr>
      <dsp:spPr>
        <a:xfrm>
          <a:off x="2918865" y="2830335"/>
          <a:ext cx="1217276" cy="41728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קורס </a:t>
          </a:r>
          <a:r>
            <a:rPr lang="he-IL" sz="2000" kern="1200" dirty="0" err="1" smtClean="0"/>
            <a:t>מז"ת</a:t>
          </a:r>
          <a:endParaRPr lang="en-US" sz="2000" kern="1200" dirty="0"/>
        </a:p>
      </dsp:txBody>
      <dsp:txXfrm>
        <a:off x="3127509" y="2830335"/>
        <a:ext cx="799989" cy="417287"/>
      </dsp:txXfrm>
    </dsp:sp>
    <dsp:sp modelId="{AA19E3A7-6A53-424A-A6E0-36FA05FBAF2A}">
      <dsp:nvSpPr>
        <dsp:cNvPr id="0" name=""/>
        <dsp:cNvSpPr/>
      </dsp:nvSpPr>
      <dsp:spPr>
        <a:xfrm>
          <a:off x="7741628" y="2939788"/>
          <a:ext cx="1217276" cy="19838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510" tIns="8255" rIns="0" bIns="8255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300" kern="1200" dirty="0" smtClean="0"/>
            <a:t>סיורי </a:t>
          </a:r>
          <a:r>
            <a:rPr lang="he-IL" sz="1300" kern="1200" dirty="0" err="1" smtClean="0"/>
            <a:t>בטל"ם</a:t>
          </a:r>
          <a:endParaRPr lang="en-US" sz="1300" kern="1200" dirty="0"/>
        </a:p>
      </dsp:txBody>
      <dsp:txXfrm>
        <a:off x="7840819" y="2939788"/>
        <a:ext cx="1018895" cy="198381"/>
      </dsp:txXfrm>
    </dsp:sp>
    <dsp:sp modelId="{3CBA0A70-F9D4-415D-9C3D-E1E0A1C830A2}">
      <dsp:nvSpPr>
        <dsp:cNvPr id="0" name=""/>
        <dsp:cNvSpPr/>
      </dsp:nvSpPr>
      <dsp:spPr>
        <a:xfrm>
          <a:off x="5892050" y="2924231"/>
          <a:ext cx="1846169" cy="229495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510" tIns="8255" rIns="0" bIns="8255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300" kern="1200" dirty="0" smtClean="0"/>
            <a:t>סדנת משא ומתן 1-3/3</a:t>
          </a:r>
          <a:endParaRPr lang="en-US" sz="1300" kern="1200" dirty="0"/>
        </a:p>
      </dsp:txBody>
      <dsp:txXfrm>
        <a:off x="6006798" y="2924231"/>
        <a:ext cx="1616674" cy="22949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microsoft.com/office/2007/relationships/diagramDrawing" Target="../diagrams/drawing1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diagramColors" Target="../diagrams/colors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diagramLayout" Target="../diagrams/layout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diagramData" Target="../diagrams/data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he-IL" dirty="0" smtClean="0"/>
              <a:t>סימולציה 2015-2016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he-IL" dirty="0" smtClean="0"/>
              <a:t>מפגש מפקד </a:t>
            </a:r>
            <a:r>
              <a:rPr lang="he-IL" dirty="0" err="1" smtClean="0"/>
              <a:t>מב"ל</a:t>
            </a:r>
            <a:r>
              <a:rPr lang="he-IL" dirty="0" smtClean="0"/>
              <a:t> עם ראשי הצוותי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סוגר מסולסל ימני 3"/>
          <p:cNvSpPr/>
          <p:nvPr/>
        </p:nvSpPr>
        <p:spPr>
          <a:xfrm rot="16200000">
            <a:off x="9986911" y="982028"/>
            <a:ext cx="1500293" cy="2631649"/>
          </a:xfrm>
          <a:prstGeom prst="rightBrace">
            <a:avLst>
              <a:gd name="adj1" fmla="val 15623"/>
              <a:gd name="adj2" fmla="val 50543"/>
            </a:avLst>
          </a:prstGeom>
          <a:solidFill>
            <a:schemeClr val="accent1">
              <a:lumMod val="40000"/>
              <a:lumOff val="60000"/>
            </a:schemeClr>
          </a:solidFill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952308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427693120"/>
              </p:ext>
            </p:extLst>
          </p:nvPr>
        </p:nvGraphicFramePr>
        <p:xfrm>
          <a:off x="128588" y="3486379"/>
          <a:ext cx="12449346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9" r:lo="rId60" r:qs="rId61" r:cs="rId62"/>
          </a:graphicData>
        </a:graphic>
      </p:graphicFrame>
      <p:sp>
        <p:nvSpPr>
          <p:cNvPr id="414" name="TextBox 413"/>
          <p:cNvSpPr txBox="1"/>
          <p:nvPr/>
        </p:nvSpPr>
        <p:spPr>
          <a:xfrm>
            <a:off x="1016409" y="-31961"/>
            <a:ext cx="9571683" cy="707886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he-IL" sz="4000" b="1" dirty="0" smtClean="0"/>
              <a:t>אסטרטגיה וסימולציה - </a:t>
            </a:r>
            <a:r>
              <a:rPr lang="he-IL" sz="4000" b="1" dirty="0" err="1" smtClean="0"/>
              <a:t>גאנט</a:t>
            </a:r>
            <a:r>
              <a:rPr lang="he-IL" sz="4000" b="1" dirty="0" smtClean="0"/>
              <a:t> </a:t>
            </a:r>
            <a:r>
              <a:rPr lang="he-IL" sz="4000" b="1" dirty="0" smtClean="0"/>
              <a:t>התהליך</a:t>
            </a:r>
            <a:endParaRPr lang="en-US" sz="4000" b="1" dirty="0"/>
          </a:p>
        </p:txBody>
      </p:sp>
      <p:sp>
        <p:nvSpPr>
          <p:cNvPr id="416" name="TextBox 415"/>
          <p:cNvSpPr txBox="1"/>
          <p:nvPr/>
        </p:nvSpPr>
        <p:spPr>
          <a:xfrm>
            <a:off x="120674" y="6118800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r>
              <a:rPr lang="he-IL" b="1" dirty="0" smtClean="0"/>
              <a:t>מופעים</a:t>
            </a:r>
          </a:p>
          <a:p>
            <a:r>
              <a:rPr lang="he-IL" b="1" dirty="0" smtClean="0"/>
              <a:t>תומכים</a:t>
            </a:r>
            <a:endParaRPr lang="en-US" b="1" dirty="0"/>
          </a:p>
        </p:txBody>
      </p:sp>
      <p:sp>
        <p:nvSpPr>
          <p:cNvPr id="417" name="TextBox 416"/>
          <p:cNvSpPr txBox="1"/>
          <p:nvPr/>
        </p:nvSpPr>
        <p:spPr>
          <a:xfrm>
            <a:off x="6392610" y="1367983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תחילת עבודה </a:t>
            </a:r>
          </a:p>
          <a:p>
            <a:pPr algn="ctr"/>
            <a:r>
              <a:rPr lang="he-IL" sz="14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ב"קברנט</a:t>
            </a:r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008985" y="1891203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יל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תהליך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מערכת המערכות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מועד משוער)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20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/1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557324" y="1453438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אסטרטגיה מכוננת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709663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7461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553824" y="713558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מערכה מדינית-צבאית למול התרחיש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608981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952308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>
                <a:solidFill>
                  <a:srgbClr val="FF0000"/>
                </a:solidFill>
                <a:latin typeface="Calibri" panose="020F0502020204030204" pitchFamily="34" charset="0"/>
              </a:rPr>
              <a:t>1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Reframing"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שבוע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2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קיר וסיכום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45415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פקת תוצר מסכם 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בניי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הליך הלמידה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9005728" y="5386843"/>
            <a:ext cx="2486474" cy="1138516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he-IL" sz="1600" b="1" u="sng" dirty="0" smtClean="0"/>
              <a:t>שלב התחקיר</a:t>
            </a:r>
          </a:p>
          <a:p>
            <a:pPr lvl="0" algn="ctr"/>
            <a:r>
              <a:rPr lang="he-IL" sz="14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תחקיר בפורמט</a:t>
            </a:r>
            <a:endParaRPr lang="he-IL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lvl="0" algn="ctr"/>
            <a:r>
              <a:rPr lang="he-IL" sz="1400" dirty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סיכום קבוצתי ואישי </a:t>
            </a:r>
            <a:endParaRPr lang="en-US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algn="ctr"/>
            <a:endParaRPr lang="he-IL" sz="1600" b="1" u="sng" dirty="0" smtClean="0"/>
          </a:p>
        </p:txBody>
      </p:sp>
      <p:grpSp>
        <p:nvGrpSpPr>
          <p:cNvPr id="66" name="קבוצה 65"/>
          <p:cNvGrpSpPr/>
          <p:nvPr/>
        </p:nvGrpSpPr>
        <p:grpSpPr>
          <a:xfrm>
            <a:off x="0" y="3585375"/>
            <a:ext cx="2487611" cy="1337408"/>
            <a:chOff x="-2848813" y="935386"/>
            <a:chExt cx="3144388" cy="1404720"/>
          </a:xfrm>
        </p:grpSpPr>
        <p:sp>
          <p:nvSpPr>
            <p:cNvPr id="67" name="סוגר זוויתי 66"/>
            <p:cNvSpPr/>
            <p:nvPr/>
          </p:nvSpPr>
          <p:spPr>
            <a:xfrm>
              <a:off x="-2848813" y="935386"/>
              <a:ext cx="3144388" cy="1251584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2033942" y="1088522"/>
              <a:ext cx="1935388" cy="12515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600" b="1" u="sng" kern="1200" dirty="0" smtClean="0"/>
                <a:t>שלב </a:t>
              </a:r>
              <a:r>
                <a:rPr lang="he-IL" sz="1600" b="1" u="sng" kern="1200" dirty="0" smtClean="0"/>
                <a:t>הבניית הלמידה</a:t>
              </a:r>
              <a:endParaRPr lang="he-IL" sz="1600" b="1" u="sng" kern="1200" dirty="0" smtClean="0"/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400" kern="1200" dirty="0" err="1" smtClean="0"/>
                <a:t>תוכנית</a:t>
              </a:r>
              <a:r>
                <a:rPr lang="he-IL" sz="1400" kern="1200" dirty="0" smtClean="0"/>
                <a:t> למידה</a:t>
              </a:r>
              <a:endParaRPr lang="en-US" sz="1400" kern="1200" dirty="0"/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7000084" y="186536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M_4c2577eaa5f8482d87d15801575af368_Title"/>
          <p:cNvSpPr txBox="1"/>
          <p:nvPr>
            <p:custDataLst>
              <p:tags r:id="rId57"/>
            </p:custDataLst>
          </p:nvPr>
        </p:nvSpPr>
        <p:spPr>
          <a:xfrm>
            <a:off x="9866227" y="173660"/>
            <a:ext cx="1999842" cy="18325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dirty="0" smtClean="0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Calibri" panose="020F0502020204030204" pitchFamily="34" charset="0"/>
              </a:rPr>
              <a:t>המשך</a:t>
            </a:r>
          </a:p>
          <a:p>
            <a:pPr algn="ctr"/>
            <a:r>
              <a:rPr lang="he-IL" dirty="0" smtClean="0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Calibri" panose="020F0502020204030204" pitchFamily="34" charset="0"/>
              </a:rPr>
              <a:t>קורס</a:t>
            </a:r>
          </a:p>
          <a:p>
            <a:pPr algn="ctr"/>
            <a:r>
              <a:rPr lang="he-IL" dirty="0" smtClean="0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Calibri" panose="020F0502020204030204" pitchFamily="34" charset="0"/>
              </a:rPr>
              <a:t>אסטרטגיה</a:t>
            </a:r>
            <a:endParaRPr lang="en-US" dirty="0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91</TotalTime>
  <Words>138</Words>
  <Application>Microsoft Office PowerPoint</Application>
  <PresentationFormat>מסך רחב</PresentationFormat>
  <Paragraphs>65</Paragraphs>
  <Slides>2</Slides>
  <Notes>0</Notes>
  <HiddenSlides>0</HiddenSlides>
  <MMClips>0</MMClips>
  <ScaleCrop>false</ScaleCrop>
  <HeadingPairs>
    <vt:vector size="6" baseType="variant">
      <vt:variant>
        <vt:lpstr>גופנים בשימוש</vt:lpstr>
      </vt:variant>
      <vt:variant>
        <vt:i4>4</vt:i4>
      </vt:variant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Times New Roman</vt:lpstr>
      <vt:lpstr>ערכת נושא Office</vt:lpstr>
      <vt:lpstr>1_ערכת נושא Office</vt:lpstr>
      <vt:lpstr>סימולציה 2015-2016</vt:lpstr>
      <vt:lpstr>מצגת של PowerPoint‏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ערן עציון</cp:lastModifiedBy>
  <cp:revision>77</cp:revision>
  <dcterms:created xsi:type="dcterms:W3CDTF">2015-12-01T06:13:25Z</dcterms:created>
  <dcterms:modified xsi:type="dcterms:W3CDTF">2015-12-07T12:31:40Z</dcterms:modified>
</cp:coreProperties>
</file>